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lphenchaa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83439187-9281-37A2-CB5D-C0E8CAFAA60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12907" y="4926754"/>
            <a:ext cx="2116945" cy="180787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0C24B3E9-1B55-6D8E-F109-7C80B7778C0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11631" y="3481954"/>
            <a:ext cx="2116945" cy="180787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3-26T07:35:56Z</dcterms:modified>
</cp:coreProperties>
</file>